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theme/theme2.xml" ContentType="application/vnd.openxmlformats-officedocument.them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0"/>
  </p:notesMasterIdLst>
  <p:sldIdLst>
    <p:sldId id="256" r:id="rId9"/>
  </p:sldIdLst>
  <p:sldSz cx="11160125" cy="24839613"/>
  <p:notesSz cx="6858000" cy="9144000"/>
  <p:defaultTextStyle>
    <a:defPPr>
      <a:defRPr lang="en-US"/>
    </a:defPPr>
    <a:lvl1pPr marL="0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1pPr>
    <a:lvl2pPr marL="637568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2pPr>
    <a:lvl3pPr marL="1275137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3pPr>
    <a:lvl4pPr marL="1912704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4pPr>
    <a:lvl5pPr marL="2550270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5pPr>
    <a:lvl6pPr marL="3187839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6pPr>
    <a:lvl7pPr marL="3825407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7pPr>
    <a:lvl8pPr marL="4462974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8pPr>
    <a:lvl9pPr marL="5100543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Forfatte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0" autoAdjust="0"/>
    <p:restoredTop sz="96330" autoAdjust="0"/>
  </p:normalViewPr>
  <p:slideViewPr>
    <p:cSldViewPr snapToGrid="0" showGuides="1">
      <p:cViewPr varScale="1">
        <p:scale>
          <a:sx n="35" d="100"/>
          <a:sy n="35" d="100"/>
        </p:scale>
        <p:origin x="3888" y="20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microsoft.com/office/2018/10/relationships/authors" Target="authors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1/11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2659063" y="685800"/>
            <a:ext cx="1539875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37568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75137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912704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550270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187839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6pPr>
    <a:lvl7pPr marL="3825407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7pPr>
    <a:lvl8pPr marL="4462974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8pPr>
    <a:lvl9pPr marL="5100543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43FC63C-C7D6-404E-90C4-84E5788470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2F2EA3-66E2-4420-B3D0-B2F754FF39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8D74640-5F7C-42C1-9DEA-B02ADDBEFEC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33285" y="8474976"/>
            <a:ext cx="9209492" cy="2414038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4000"/>
            </a:lvl1pPr>
          </a:lstStyle>
          <a:p>
            <a:pPr lvl="0"/>
            <a:r>
              <a:rPr lang="en-US" dirty="0"/>
              <a:t>Insert date and time</a:t>
            </a:r>
            <a:br>
              <a:rPr lang="en-US" dirty="0"/>
            </a:br>
            <a:r>
              <a:rPr lang="en-US" dirty="0"/>
              <a:t>Location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DCE4EF50-21B4-427C-BDD1-B1B13D680BB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68863" y="11673321"/>
            <a:ext cx="9622397" cy="456558"/>
          </a:xfrm>
        </p:spPr>
        <p:txBody>
          <a:bodyPr anchor="b" anchorCtr="0"/>
          <a:lstStyle>
            <a:lvl1pPr>
              <a:lnSpc>
                <a:spcPct val="10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8906279-178D-4DF2-AF43-92378E0A519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8863" y="12473809"/>
            <a:ext cx="9622397" cy="129944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Professor Name</a:t>
            </a:r>
            <a:br>
              <a:rPr lang="en-US" dirty="0"/>
            </a:br>
            <a:r>
              <a:rPr lang="en-US" dirty="0"/>
              <a:t>Title, Institute, University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777F5276-0E53-42BC-81A5-EF892203BFB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8864" y="14666442"/>
            <a:ext cx="9622398" cy="1421928"/>
          </a:xfrm>
        </p:spPr>
        <p:txBody>
          <a:bodyPr numCol="2" spcCol="252000">
            <a:sp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a-DK" dirty="0"/>
          </a:p>
        </p:txBody>
      </p:sp>
      <p:sp>
        <p:nvSpPr>
          <p:cNvPr id="15" name="Title 14">
            <a:extLst>
              <a:ext uri="{FF2B5EF4-FFF2-40B4-BE49-F238E27FC236}">
                <a16:creationId xmlns:a16="http://schemas.microsoft.com/office/drawing/2014/main" id="{2AD614F0-477E-4385-8042-DB85269612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845" y="3615182"/>
            <a:ext cx="9246932" cy="4849847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59135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0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43FC63C-C7D6-404E-90C4-84E5788470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2F2EA3-66E2-4420-B3D0-B2F754FF39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8D74640-5F7C-42C1-9DEA-B02ADDBEFEC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70521" y="6658167"/>
            <a:ext cx="9172255" cy="900161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2400"/>
            </a:lvl1pPr>
          </a:lstStyle>
          <a:p>
            <a:pPr lvl="0"/>
            <a:r>
              <a:rPr lang="en-US" dirty="0"/>
              <a:t>Insert date and time, Location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777F5276-0E53-42BC-81A5-EF892203BFB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70523" y="18186400"/>
            <a:ext cx="9620740" cy="3874048"/>
          </a:xfrm>
        </p:spPr>
        <p:txBody>
          <a:bodyPr numCol="2" spcCol="252000"/>
          <a:lstStyle>
            <a:lvl1pPr>
              <a:defRPr sz="1700">
                <a:solidFill>
                  <a:schemeClr val="tx1"/>
                </a:solidFill>
              </a:defRPr>
            </a:lvl1pPr>
            <a:lvl2pPr>
              <a:defRPr sz="1700"/>
            </a:lvl2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D3DE9D46-9C5A-4DBF-9FBC-CD461A456CA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70521" y="8016513"/>
            <a:ext cx="9620741" cy="8697487"/>
          </a:xfrm>
          <a:noFill/>
        </p:spPr>
        <p:txBody>
          <a:bodyPr/>
          <a:lstStyle>
            <a:lvl1pPr algn="ctr">
              <a:defRPr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15" name="Title 14">
            <a:extLst>
              <a:ext uri="{FF2B5EF4-FFF2-40B4-BE49-F238E27FC236}">
                <a16:creationId xmlns:a16="http://schemas.microsoft.com/office/drawing/2014/main" id="{F1D19783-54BF-4915-A237-8573448094F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845" y="2611571"/>
            <a:ext cx="9246932" cy="3588411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da-DK" dirty="0"/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8DA4805C-1A7D-5D19-4A0C-F8252AC2976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68863" y="17340674"/>
            <a:ext cx="9622397" cy="456558"/>
          </a:xfrm>
        </p:spPr>
        <p:txBody>
          <a:bodyPr anchor="b" anchorCtr="0"/>
          <a:lstStyle>
            <a:lvl1pPr>
              <a:lnSpc>
                <a:spcPct val="10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 dirty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94591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443" userDrawn="1">
          <p15:clr>
            <a:srgbClr val="FBAE40"/>
          </p15:clr>
        </p15:guide>
        <p15:guide id="2" pos="3587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654E2E6-22DC-A52C-B186-C642C67B47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48ACC261-14C3-0A69-27F4-C914F4C131B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3B5E40F-32D3-EAD4-1BB7-389FDF5481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6" name="Text Placeholder 6">
            <a:extLst>
              <a:ext uri="{FF2B5EF4-FFF2-40B4-BE49-F238E27FC236}">
                <a16:creationId xmlns:a16="http://schemas.microsoft.com/office/drawing/2014/main" id="{D9609541-8F28-1BC2-D077-7B843FEB235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95845" y="9104038"/>
            <a:ext cx="9172255" cy="508118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2400" b="1"/>
            </a:lvl1pPr>
          </a:lstStyle>
          <a:p>
            <a:pPr lvl="0"/>
            <a:r>
              <a:rPr lang="en-US" dirty="0"/>
              <a:t>Insert date and time, Location</a:t>
            </a:r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1D02494F-BEF7-FD9F-AB9C-B360AB12F10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95845" y="12419806"/>
            <a:ext cx="9622398" cy="2106474"/>
          </a:xfrm>
        </p:spPr>
        <p:txBody>
          <a:bodyPr numCol="1">
            <a:spAutoFit/>
          </a:bodyPr>
          <a:lstStyle>
            <a:lvl1pPr marL="342900" indent="-342900">
              <a:lnSpc>
                <a:spcPct val="150000"/>
              </a:lnSpc>
              <a:buFont typeface="Normal systemskrift"/>
              <a:buChar char="→"/>
              <a:defRPr sz="2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sz="2400" dirty="0" err="1"/>
              <a:t>Insert</a:t>
            </a:r>
            <a:r>
              <a:rPr lang="da-DK" sz="2400" dirty="0"/>
              <a:t> point</a:t>
            </a:r>
          </a:p>
          <a:p>
            <a:pPr lvl="0"/>
            <a:r>
              <a:rPr lang="da-DK" sz="2400" dirty="0" err="1"/>
              <a:t>Insert</a:t>
            </a:r>
            <a:r>
              <a:rPr lang="da-DK" sz="2400" dirty="0"/>
              <a:t> point</a:t>
            </a:r>
          </a:p>
          <a:p>
            <a:pPr lvl="0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6466642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1.bin"/><Relationship Id="rId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845" y="3615182"/>
            <a:ext cx="9246932" cy="484984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5845" y="9847621"/>
            <a:ext cx="9817603" cy="13054909"/>
          </a:xfrm>
          <a:prstGeom prst="rect">
            <a:avLst/>
          </a:prstGeom>
        </p:spPr>
        <p:txBody>
          <a:bodyPr vert="horz" lIns="0" tIns="0" rIns="0" bIns="0" numCol="2" spcCol="2520000" rtlCol="0">
            <a:noAutofit/>
          </a:bodyPr>
          <a:lstStyle/>
          <a:p>
            <a:pPr lvl="0"/>
            <a:r>
              <a:rPr lang="da-DK" dirty="0"/>
              <a:t>Første niveau, body 18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8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6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Body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4 </a:t>
            </a:r>
            <a:r>
              <a:rPr lang="da-DK" dirty="0" err="1"/>
              <a:t>pkt</a:t>
            </a:r>
            <a:endParaRPr lang="da-DK" dirty="0"/>
          </a:p>
          <a:p>
            <a:pPr lvl="7"/>
            <a:r>
              <a:rPr lang="da-DK" dirty="0"/>
              <a:t>Ottende niveau, Bullet, 14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ullet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8685149" y="2188975"/>
            <a:ext cx="3311948" cy="34465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800" b="0" noProof="1">
                <a:solidFill>
                  <a:schemeClr val="tx1"/>
                </a:solidFill>
              </a:rPr>
              <a:t>sdu.dk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8686974" y="5104148"/>
            <a:ext cx="3311948" cy="34465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800" b="0" noProof="1">
                <a:solidFill>
                  <a:schemeClr val="tx1"/>
                </a:solidFill>
              </a:rPr>
              <a:t>#sdudk</a:t>
            </a:r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22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22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201591" tIns="100796" rIns="201591" bIns="100796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220" smtClean="0"/>
              <a:pPr/>
              <a:t>11.11.2025</a:t>
            </a:fld>
            <a:endParaRPr lang="da-DK" sz="220" dirty="0"/>
          </a:p>
        </p:txBody>
      </p:sp>
      <p:pic>
        <p:nvPicPr>
          <p:cNvPr id="19" name="Logo black">
            <a:extLst>
              <a:ext uri="{FF2B5EF4-FFF2-40B4-BE49-F238E27FC236}">
                <a16:creationId xmlns:a16="http://schemas.microsoft.com/office/drawing/2014/main" id="{9F911F29-4B66-49AD-A756-CA670133FD22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845" y="23715947"/>
            <a:ext cx="1786890" cy="4838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2" r:id="rId1"/>
    <p:sldLayoutId id="2147483694" r:id="rId2"/>
    <p:sldLayoutId id="2147483695" r:id="rId3"/>
  </p:sldLayoutIdLst>
  <p:hf hdr="0"/>
  <p:txStyles>
    <p:titleStyle>
      <a:lvl1pPr algn="l" defTabSz="2015886" rtl="0" eaLnBrk="1" latinLnBrk="0" hangingPunct="1">
        <a:lnSpc>
          <a:spcPct val="83000"/>
        </a:lnSpc>
        <a:spcBef>
          <a:spcPct val="0"/>
        </a:spcBef>
        <a:buNone/>
        <a:tabLst>
          <a:tab pos="3170821" algn="l"/>
        </a:tabLst>
        <a:defRPr sz="8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2015886" rtl="0" eaLnBrk="1" latinLnBrk="0" hangingPunct="1">
        <a:lnSpc>
          <a:spcPct val="110000"/>
        </a:lnSpc>
        <a:spcBef>
          <a:spcPts val="2000"/>
        </a:spcBef>
        <a:buFont typeface="Arial" panose="020B0604020202020204" pitchFamily="34" charset="0"/>
        <a:buChar char="​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216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2015886" rtl="0" eaLnBrk="1" latinLnBrk="0" hangingPunct="1">
        <a:lnSpc>
          <a:spcPct val="11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216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216000" indent="-216000" algn="l" defTabSz="2015886" rtl="0" eaLnBrk="1" latinLnBrk="0" hangingPunct="1">
        <a:lnSpc>
          <a:spcPct val="11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defRPr sz="14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1pPr>
      <a:lvl2pPr marL="1007943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2pPr>
      <a:lvl3pPr marL="2015886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3pPr>
      <a:lvl4pPr marL="3023829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4pPr>
      <a:lvl5pPr marL="4031772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5pPr>
      <a:lvl6pPr marL="5039716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6pPr>
      <a:lvl7pPr marL="6047659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7pPr>
      <a:lvl8pPr marL="7055602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8pPr>
      <a:lvl9pPr marL="8063545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744" userDrawn="1">
          <p15:clr>
            <a:srgbClr val="F26B43"/>
          </p15:clr>
        </p15:guide>
        <p15:guide id="4" orient="horz" pos="2272" userDrawn="1">
          <p15:clr>
            <a:srgbClr val="F26B43"/>
          </p15:clr>
        </p15:guide>
        <p15:guide id="6" pos="6546" userDrawn="1">
          <p15:clr>
            <a:srgbClr val="F26B43"/>
          </p15:clr>
        </p15:guide>
        <p15:guide id="8" orient="horz" pos="7712" userDrawn="1">
          <p15:clr>
            <a:srgbClr val="F26B43"/>
          </p15:clr>
        </p15:guide>
        <p15:guide id="10" orient="horz" pos="14888" userDrawn="1">
          <p15:clr>
            <a:srgbClr val="F26B43"/>
          </p15:clr>
        </p15:guide>
        <p15:guide id="11" pos="485" userDrawn="1">
          <p15:clr>
            <a:srgbClr val="F26B43"/>
          </p15:clr>
        </p15:guide>
        <p15:guide id="12" pos="3513" userDrawn="1">
          <p15:clr>
            <a:srgbClr val="F26B43"/>
          </p15:clr>
        </p15:guide>
        <p15:guide id="13" pos="3587" userDrawn="1">
          <p15:clr>
            <a:srgbClr val="F26B43"/>
          </p15:clr>
        </p15:guide>
        <p15:guide id="14" pos="3443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BB039CF-60ED-4030-ADA8-66306625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78F564-4C7E-4234-B65F-03C8A00AADF6}" type="datetime1">
              <a:rPr lang="da-DK" smtClean="0"/>
              <a:t>11.11.2025</a:t>
            </a:fld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C23374C-A098-468C-AAAE-881DB054DDA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47B87F32-62A7-4219-934C-2574BA7C22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45758" y="1876533"/>
            <a:ext cx="9246932" cy="1092581"/>
          </a:xfrm>
        </p:spPr>
        <p:txBody>
          <a:bodyPr/>
          <a:lstStyle/>
          <a:p>
            <a:r>
              <a:rPr lang="da-DK" dirty="0"/>
              <a:t>Effektmål</a:t>
            </a:r>
          </a:p>
        </p:txBody>
      </p:sp>
      <p:graphicFrame>
        <p:nvGraphicFramePr>
          <p:cNvPr id="18" name="Tabel 17">
            <a:extLst>
              <a:ext uri="{FF2B5EF4-FFF2-40B4-BE49-F238E27FC236}">
                <a16:creationId xmlns:a16="http://schemas.microsoft.com/office/drawing/2014/main" id="{DD47A2CF-3509-12BF-945C-EC11ED3441E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13647868"/>
              </p:ext>
            </p:extLst>
          </p:nvPr>
        </p:nvGraphicFramePr>
        <p:xfrm>
          <a:off x="745759" y="3550870"/>
          <a:ext cx="9351574" cy="18394729"/>
        </p:xfrm>
        <a:graphic>
          <a:graphicData uri="http://schemas.openxmlformats.org/drawingml/2006/table">
            <a:tbl>
              <a:tblPr firstRow="1">
                <a:effectLst/>
                <a:tableStyleId>{F5AB1C69-6EDB-4FF4-983F-18BD219EF322}</a:tableStyleId>
              </a:tblPr>
              <a:tblGrid>
                <a:gridCol w="9351574">
                  <a:extLst>
                    <a:ext uri="{9D8B030D-6E8A-4147-A177-3AD203B41FA5}">
                      <a16:colId xmlns:a16="http://schemas.microsoft.com/office/drawing/2014/main" val="165978043"/>
                    </a:ext>
                  </a:extLst>
                </a:gridCol>
              </a:tblGrid>
              <a:tr h="1104232">
                <a:tc>
                  <a:txBody>
                    <a:bodyPr/>
                    <a:lstStyle/>
                    <a:p>
                      <a:r>
                        <a:rPr lang="da-DK" sz="3600" dirty="0">
                          <a:solidFill>
                            <a:srgbClr val="000000"/>
                          </a:solidFill>
                        </a:rPr>
                        <a:t>Oversigt over effekter</a:t>
                      </a:r>
                    </a:p>
                  </a:txBody>
                  <a:tcPr marL="180000" anchor="ctr"/>
                </a:tc>
                <a:extLst>
                  <a:ext uri="{0D108BD9-81ED-4DB2-BD59-A6C34878D82A}">
                    <a16:rowId xmlns:a16="http://schemas.microsoft.com/office/drawing/2014/main" val="1902633708"/>
                  </a:ext>
                </a:extLst>
              </a:tr>
              <a:tr h="17290497">
                <a:tc>
                  <a:txBody>
                    <a:bodyPr/>
                    <a:lstStyle/>
                    <a:p>
                      <a:endParaRPr lang="da-DK" dirty="0"/>
                    </a:p>
                    <a:p>
                      <a:endParaRPr lang="da-DK" dirty="0"/>
                    </a:p>
                    <a:p>
                      <a:endParaRPr lang="da-DK" dirty="0"/>
                    </a:p>
                  </a:txBody>
                  <a:tcPr anchor="ctr"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27428304"/>
                  </a:ext>
                </a:extLst>
              </a:tr>
            </a:tbl>
          </a:graphicData>
        </a:graphic>
      </p:graphicFrame>
      <p:sp>
        <p:nvSpPr>
          <p:cNvPr id="5" name="Tekstfelt 4">
            <a:extLst>
              <a:ext uri="{FF2B5EF4-FFF2-40B4-BE49-F238E27FC236}">
                <a16:creationId xmlns:a16="http://schemas.microsoft.com/office/drawing/2014/main" id="{41CE5D64-34B2-CB22-B574-57B927543304}"/>
              </a:ext>
            </a:extLst>
          </p:cNvPr>
          <p:cNvSpPr txBox="1"/>
          <p:nvPr/>
        </p:nvSpPr>
        <p:spPr>
          <a:xfrm>
            <a:off x="6949802" y="24058179"/>
            <a:ext cx="4051737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800" b="0" i="1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Lyon Display Web"/>
              </a:rPr>
              <a:t>Print: Grafisk Center, SDU</a:t>
            </a:r>
            <a:endParaRPr lang="da-DK" sz="2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2624338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type":"shape","id":"91982632-f31b-4c36-803f-31fc0f7c8cd7","elementConfiguration":{"binding":"{{UserProfile.Institut.Institute}}","type":"text","disableUpdates":false}}],"transformationConfigurations":[],"templateName":"SDU Poste 31x69cm -portrait","templateDescription":"This poster is much longer than the standard A3 format. You can print it faster than A2 at a low price in SDU Graphic Centre.","enableDocumentContentUpdater":tru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0ad43a-6956-4125-8546-caf100e05b47" xsi:nil="true"/>
    <lcf76f155ced4ddcb4097134ff3c332f xmlns="8e5cd3e1-c7e1-4635-ade6-3f9346b21498">
      <Terms xmlns="http://schemas.microsoft.com/office/infopath/2007/PartnerControls"/>
    </lcf76f155ced4ddcb4097134ff3c332f>
  </documentManagement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102335546760990","enableDocumentContentUpdater":false,"version":"2.0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],"formDataEntries":[]}]]></TemplafyForm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F0C5556AE5F48AF2A2B637A068643" ma:contentTypeVersion="13" ma:contentTypeDescription="Opret et nyt dokument." ma:contentTypeScope="" ma:versionID="2e995ce4cd305f626da8383f39a59a2d">
  <xsd:schema xmlns:xsd="http://www.w3.org/2001/XMLSchema" xmlns:xs="http://www.w3.org/2001/XMLSchema" xmlns:p="http://schemas.microsoft.com/office/2006/metadata/properties" xmlns:ns2="8e5cd3e1-c7e1-4635-ade6-3f9346b21498" xmlns:ns3="5e0ad43a-6956-4125-8546-caf100e05b47" targetNamespace="http://schemas.microsoft.com/office/2006/metadata/properties" ma:root="true" ma:fieldsID="573781124dc9c2b58eaf067360b155a9" ns2:_="" ns3:_="">
    <xsd:import namespace="8e5cd3e1-c7e1-4635-ade6-3f9346b21498"/>
    <xsd:import namespace="5e0ad43a-6956-4125-8546-caf100e05b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5cd3e1-c7e1-4635-ade6-3f9346b2149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0ad43a-6956-4125-8546-caf100e05b47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b1255e-1f16-421a-9425-80a476612450}" ma:internalName="TaxCatchAll" ma:showField="CatchAllData" ma:web="5e0ad43a-6956-4125-8546-caf100e05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979723C5-B7D1-4EF6-8599-9C8C8D15F480}">
  <ds:schemaRefs>
    <ds:schemaRef ds:uri="http://schemas.microsoft.com/office/2006/metadata/properties"/>
    <ds:schemaRef ds:uri="http://schemas.microsoft.com/office/infopath/2007/PartnerControls"/>
    <ds:schemaRef ds:uri="5e0ad43a-6956-4125-8546-caf100e05b47"/>
    <ds:schemaRef ds:uri="8e5cd3e1-c7e1-4635-ade6-3f9346b21498"/>
  </ds:schemaRefs>
</ds:datastoreItem>
</file>

<file path=customXml/itemProps3.xml><?xml version="1.0" encoding="utf-8"?>
<ds:datastoreItem xmlns:ds="http://schemas.openxmlformats.org/officeDocument/2006/customXml" ds:itemID="{3182B8A0-FFA0-4719-9701-26B61EBD7A23}">
  <ds:schemaRefs/>
</ds:datastoreItem>
</file>

<file path=customXml/itemProps4.xml><?xml version="1.0" encoding="utf-8"?>
<ds:datastoreItem xmlns:ds="http://schemas.openxmlformats.org/officeDocument/2006/customXml" ds:itemID="{35801ED0-5F58-4C4B-B784-402A6E60D2FB}">
  <ds:schemaRefs/>
</ds:datastoreItem>
</file>

<file path=customXml/itemProps5.xml><?xml version="1.0" encoding="utf-8"?>
<ds:datastoreItem xmlns:ds="http://schemas.openxmlformats.org/officeDocument/2006/customXml" ds:itemID="{18B06115-411C-44BF-85F9-B13B228B7FC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A049634A-0FD6-47C7-8AFE-81884DDA3B60}">
  <ds:schemaRefs/>
</ds:datastoreItem>
</file>

<file path=customXml/itemProps7.xml><?xml version="1.0" encoding="utf-8"?>
<ds:datastoreItem xmlns:ds="http://schemas.openxmlformats.org/officeDocument/2006/customXml" ds:itemID="{3729E03D-B68D-4DC1-9979-D1B640EBD6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e5cd3e1-c7e1-4635-ade6-3f9346b21498"/>
    <ds:schemaRef ds:uri="5e0ad43a-6956-4125-8546-caf100e05b4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New design</Template>
  <TotalTime>0</TotalTime>
  <Words>12</Words>
  <Application>Microsoft Macintosh PowerPoint</Application>
  <PresentationFormat>Brugerdefineret</PresentationFormat>
  <Paragraphs>6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Lyon Display Web</vt:lpstr>
      <vt:lpstr>Normal systemskrift</vt:lpstr>
      <vt:lpstr>Blank</vt:lpstr>
      <vt:lpstr>Effektmål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1-22T14:51:06Z</dcterms:created>
  <dcterms:modified xsi:type="dcterms:W3CDTF">2025-11-11T08:54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1-25T08:52:34</vt:lpwstr>
  </property>
  <property fmtid="{D5CDD505-2E9C-101B-9397-08002B2CF9AE}" pid="3" name="TemplafyTenantId">
    <vt:lpwstr>sdu</vt:lpwstr>
  </property>
  <property fmtid="{D5CDD505-2E9C-101B-9397-08002B2CF9AE}" pid="4" name="TemplafyTemplateId">
    <vt:lpwstr>638091270232274330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831F0C5556AE5F48AF2A2B637A068643</vt:lpwstr>
  </property>
</Properties>
</file>